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327"/>
  <workbookPr/>
  <mc:AlternateContent xmlns:mc="http://schemas.openxmlformats.org/markup-compatibility/2006">
    <mc:Choice Requires="x15">
      <x15ac:absPath xmlns:x15ac="http://schemas.microsoft.com/office/spreadsheetml/2010/11/ac" url="https://blandford.sharepoint.com/sites/RFO/Shared Documents/Yearend/2022-23 Year End/"/>
    </mc:Choice>
  </mc:AlternateContent>
  <xr:revisionPtr revIDLastSave="90" documentId="8_{53BE0721-1C46-4FC8-A641-4A7309FDFEC2}" xr6:coauthVersionLast="47" xr6:coauthVersionMax="47" xr10:uidLastSave="{E9A2DB81-7C62-46DD-8F28-D1E7685D250A}"/>
  <bookViews>
    <workbookView xWindow="-108" yWindow="-108" windowWidth="23256" windowHeight="1257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13" i="13" l="1"/>
  <c r="D13" i="13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12" i="13"/>
  <c r="J9" i="13"/>
  <c r="J8" i="13"/>
  <c r="J11" i="13"/>
  <c r="J10" i="13"/>
  <c r="E4" i="12"/>
  <c r="C4" i="12"/>
  <c r="E4" i="11"/>
  <c r="C4" i="11"/>
  <c r="E4" i="10"/>
  <c r="C4" i="10"/>
  <c r="E7" i="10" s="1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1" i="7"/>
  <c r="B21" i="7"/>
  <c r="D13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28" i="10" l="1"/>
  <c r="D21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F7" i="10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48" uniqueCount="77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 xml:space="preserve">Originally held as long term investments, now short term under new rules </t>
  </si>
  <si>
    <t>Jubilee costs - scaffolding, commemorative bench, events</t>
  </si>
  <si>
    <t>Installation of electrical points to car park, resurface and reline car park</t>
  </si>
  <si>
    <t>Recharge of salary cost for new development</t>
  </si>
  <si>
    <t>Long term investments amended under new rules</t>
  </si>
  <si>
    <t>£3302 Health &amp; Saftey contract; £2707 election expenses</t>
  </si>
  <si>
    <t>New network provider, £346/mth support charges</t>
  </si>
  <si>
    <t>Purchase and installation of bus shelter</t>
  </si>
  <si>
    <t>New canopy following insurance claim</t>
  </si>
  <si>
    <t>Surveys, engineer visits re development of Corn Exchange</t>
  </si>
  <si>
    <t>Pre-submission support, professional fess re Neighbourhood Plan review</t>
  </si>
  <si>
    <t>Prior year play area and tennis table surfacing</t>
  </si>
  <si>
    <t>War memorial cleaning, driveway repairs, chapel heater repair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6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43" fontId="0" fillId="0" borderId="0" xfId="0" applyNumberForma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8" fillId="0" borderId="9" xfId="0" applyFont="1" applyFill="1" applyBorder="1"/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21"/>
  <sheetViews>
    <sheetView tabSelected="1" topLeftCell="B3" workbookViewId="0">
      <selection activeCell="E12" sqref="E12"/>
    </sheetView>
  </sheetViews>
  <sheetFormatPr defaultRowHeight="14.4" x14ac:dyDescent="0.3"/>
  <cols>
    <col min="1" max="1" width="4.109375" customWidth="1"/>
    <col min="2" max="2" width="28.6640625" style="23" customWidth="1"/>
    <col min="3" max="6" width="16.5546875" customWidth="1"/>
    <col min="7" max="8" width="16.5546875" hidden="1" customWidth="1"/>
    <col min="9" max="9" width="77.109375" style="25" customWidth="1"/>
    <col min="10" max="10" width="23.109375" bestFit="1" customWidth="1"/>
  </cols>
  <sheetData>
    <row r="1" spans="2:10" ht="17.25" customHeight="1" x14ac:dyDescent="0.3">
      <c r="B1" s="27" t="s">
        <v>44</v>
      </c>
    </row>
    <row r="3" spans="2:10" ht="15" customHeight="1" x14ac:dyDescent="0.3">
      <c r="B3" s="76" t="s">
        <v>40</v>
      </c>
      <c r="C3" s="77"/>
      <c r="D3" s="77"/>
      <c r="E3" s="77"/>
      <c r="F3" s="77"/>
      <c r="G3" s="77"/>
      <c r="H3" s="77"/>
      <c r="I3" s="77"/>
    </row>
    <row r="4" spans="2:10" ht="15" customHeight="1" thickBot="1" x14ac:dyDescent="0.35"/>
    <row r="5" spans="2:10" ht="15" customHeight="1" x14ac:dyDescent="0.3">
      <c r="B5" s="28"/>
      <c r="C5" s="75" t="s">
        <v>17</v>
      </c>
      <c r="D5" s="75"/>
      <c r="E5" s="48"/>
      <c r="F5" s="48"/>
      <c r="G5" s="48"/>
      <c r="H5" s="48"/>
      <c r="I5" s="38" t="s">
        <v>18</v>
      </c>
      <c r="J5" s="43" t="s">
        <v>45</v>
      </c>
    </row>
    <row r="6" spans="2:10" ht="28.8" x14ac:dyDescent="0.3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28.8" x14ac:dyDescent="0.3">
      <c r="B7" s="31" t="s">
        <v>19</v>
      </c>
      <c r="C7" s="70">
        <v>1233643</v>
      </c>
      <c r="D7" s="70">
        <v>1397541</v>
      </c>
      <c r="E7" s="57"/>
      <c r="F7" s="57"/>
      <c r="G7" s="51"/>
      <c r="H7" s="51"/>
      <c r="I7" s="40" t="s">
        <v>38</v>
      </c>
      <c r="J7" s="45"/>
    </row>
    <row r="8" spans="2:10" s="22" customFormat="1" ht="28.8" x14ac:dyDescent="0.3">
      <c r="B8" s="31" t="s">
        <v>20</v>
      </c>
      <c r="C8" s="70">
        <v>792183</v>
      </c>
      <c r="D8" s="70">
        <v>803241</v>
      </c>
      <c r="E8" s="51">
        <f>D8-C8</f>
        <v>11058</v>
      </c>
      <c r="F8" s="50">
        <f>IF(AND(C8=0,D8=0),0,IF(C8=0,1,IF(D8=0,-1,(D8-C8)/C8)))</f>
        <v>1.395889586118359E-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3">
      <c r="B9" s="31" t="s">
        <v>22</v>
      </c>
      <c r="C9" s="70">
        <v>170587</v>
      </c>
      <c r="D9" s="70">
        <v>1237010</v>
      </c>
      <c r="E9" s="51">
        <f t="shared" ref="E9:E12" si="0">D9-C9</f>
        <v>1066423</v>
      </c>
      <c r="F9" s="50">
        <f t="shared" ref="F9:F12" si="1">IF(AND(C9=0,D9=0),0,IF(C9=0,1,IF(D9=0,-1,(D9-C9)/C9)))</f>
        <v>6.2514904418273369</v>
      </c>
      <c r="G9" s="35" t="str">
        <f t="shared" ref="G9:G12" si="2">IF(E9&gt;100000,"Yes",IF(E9&lt;-100000,"Yes","No"))</f>
        <v>Yes</v>
      </c>
      <c r="H9" s="35" t="str">
        <f t="shared" ref="H9:H12" si="3">IF(F9&gt;15%,"Yes",IF(F9&lt;-15%,"Yes","No"))</f>
        <v>Yes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2" t="s">
        <v>24</v>
      </c>
      <c r="C10" s="70">
        <v>461022</v>
      </c>
      <c r="D10" s="70">
        <v>451355</v>
      </c>
      <c r="E10" s="51">
        <f t="shared" si="0"/>
        <v>-9667</v>
      </c>
      <c r="F10" s="50">
        <f t="shared" si="1"/>
        <v>-2.0968630564268082E-2</v>
      </c>
      <c r="G10" s="35" t="str">
        <f t="shared" si="2"/>
        <v>No</v>
      </c>
      <c r="H10" s="35" t="str">
        <f t="shared" si="3"/>
        <v>No</v>
      </c>
      <c r="I10" s="40" t="s">
        <v>25</v>
      </c>
      <c r="J10" s="47" t="str">
        <f t="shared" si="4"/>
        <v>No explanation required</v>
      </c>
    </row>
    <row r="11" spans="2:10" ht="28.8" x14ac:dyDescent="0.3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28.8" x14ac:dyDescent="0.3">
      <c r="B12" s="32" t="s">
        <v>28</v>
      </c>
      <c r="C12" s="70">
        <v>337850</v>
      </c>
      <c r="D12" s="70">
        <v>1544116</v>
      </c>
      <c r="E12" s="51">
        <f t="shared" si="0"/>
        <v>1206266</v>
      </c>
      <c r="F12" s="50">
        <f t="shared" si="1"/>
        <v>3.570418824922303</v>
      </c>
      <c r="G12" s="35" t="str">
        <f t="shared" si="2"/>
        <v>Yes</v>
      </c>
      <c r="H12" s="35" t="str">
        <f t="shared" si="3"/>
        <v>Yes</v>
      </c>
      <c r="I12" s="40" t="s">
        <v>29</v>
      </c>
      <c r="J12" s="47" t="str">
        <f t="shared" si="4"/>
        <v>Please explain within the relevant tab</v>
      </c>
    </row>
    <row r="13" spans="2:10" ht="15" thickBot="1" x14ac:dyDescent="0.35">
      <c r="B13" s="33" t="s">
        <v>30</v>
      </c>
      <c r="C13" s="71">
        <f>C7+C8+C9-C10-C11-C12</f>
        <v>1397541</v>
      </c>
      <c r="D13" s="71">
        <f>D7+D8+D9-D10-D11-D12</f>
        <v>1442321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No explanation required</v>
      </c>
    </row>
    <row r="14" spans="2:10" ht="15" thickBot="1" x14ac:dyDescent="0.35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28.8" x14ac:dyDescent="0.3">
      <c r="B15" s="34" t="s">
        <v>32</v>
      </c>
      <c r="C15" s="72">
        <v>1425325</v>
      </c>
      <c r="D15" s="72">
        <v>1422077</v>
      </c>
      <c r="E15" s="56"/>
      <c r="F15" s="59"/>
      <c r="G15" s="54"/>
      <c r="H15" s="54"/>
      <c r="I15" s="42" t="s">
        <v>33</v>
      </c>
      <c r="J15" s="46"/>
    </row>
    <row r="16" spans="2:10" ht="28.8" x14ac:dyDescent="0.3">
      <c r="B16" s="32" t="s">
        <v>34</v>
      </c>
      <c r="C16" s="70">
        <v>5707535</v>
      </c>
      <c r="D16" s="70">
        <v>5748440</v>
      </c>
      <c r="E16" s="51">
        <f>D16-C16</f>
        <v>40905</v>
      </c>
      <c r="F16" s="50">
        <f t="shared" ref="F16:F17" si="5">IF(AND(C16=0,D16=0),0,IF(C16=0,1,IF(D16=0,-1,(D16-C16)/C16)))</f>
        <v>7.1668417276459975E-3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3" t="s">
        <v>3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  <row r="21" spans="2:10" x14ac:dyDescent="0.3">
      <c r="E21" s="74"/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5</v>
      </c>
    </row>
    <row r="3" spans="2:6" x14ac:dyDescent="0.3">
      <c r="B3" s="8"/>
    </row>
    <row r="4" spans="2:6" x14ac:dyDescent="0.3">
      <c r="B4" t="s">
        <v>3</v>
      </c>
      <c r="C4" s="37">
        <f>'Accounting Statement'!C8</f>
        <v>792183</v>
      </c>
      <c r="D4" t="s">
        <v>4</v>
      </c>
      <c r="E4" s="37">
        <f>'Accounting Statement'!D8</f>
        <v>803241</v>
      </c>
    </row>
    <row r="6" spans="2:6" x14ac:dyDescent="0.3">
      <c r="D6" t="s">
        <v>7</v>
      </c>
      <c r="E6" s="1">
        <f>E4-C4</f>
        <v>11058</v>
      </c>
    </row>
    <row r="7" spans="2:6" x14ac:dyDescent="0.3">
      <c r="D7" t="s">
        <v>41</v>
      </c>
      <c r="E7" s="6">
        <f>IF(AND(C4=0,E4=0),0,IF(C4=0,1,IF(E4=0,-1,(E4-C4)/C4)))</f>
        <v>1.395889586118359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9</v>
      </c>
    </row>
    <row r="10" spans="2:6" x14ac:dyDescent="0.3">
      <c r="B10" s="8"/>
    </row>
    <row r="11" spans="2:6" s="3" customFormat="1" ht="27.6" x14ac:dyDescent="0.3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2:6" s="11" customFormat="1" x14ac:dyDescent="0.3">
      <c r="B12" s="12"/>
      <c r="C12" s="12"/>
      <c r="D12" s="13">
        <f t="shared" ref="D12:D25" si="0">C12-B12</f>
        <v>0</v>
      </c>
      <c r="E12" s="78"/>
      <c r="F12" s="79"/>
    </row>
    <row r="13" spans="2:6" s="11" customFormat="1" x14ac:dyDescent="0.3">
      <c r="B13" s="12"/>
      <c r="C13" s="12"/>
      <c r="D13" s="13">
        <f t="shared" si="0"/>
        <v>0</v>
      </c>
      <c r="E13" s="78"/>
      <c r="F13" s="79"/>
    </row>
    <row r="14" spans="2:6" s="11" customFormat="1" x14ac:dyDescent="0.3">
      <c r="B14" s="12"/>
      <c r="C14" s="12"/>
      <c r="D14" s="13">
        <f t="shared" si="0"/>
        <v>0</v>
      </c>
      <c r="E14" s="78"/>
      <c r="F14" s="79"/>
    </row>
    <row r="15" spans="2:6" s="11" customFormat="1" x14ac:dyDescent="0.3">
      <c r="B15" s="12"/>
      <c r="C15" s="12"/>
      <c r="D15" s="13">
        <f t="shared" si="0"/>
        <v>0</v>
      </c>
      <c r="E15" s="78"/>
      <c r="F15" s="79"/>
    </row>
    <row r="16" spans="2:6" s="11" customFormat="1" x14ac:dyDescent="0.3">
      <c r="B16" s="12"/>
      <c r="C16" s="12"/>
      <c r="D16" s="13">
        <f t="shared" si="0"/>
        <v>0</v>
      </c>
      <c r="E16" s="78"/>
      <c r="F16" s="79"/>
    </row>
    <row r="17" spans="1:8" s="11" customFormat="1" x14ac:dyDescent="0.3">
      <c r="B17" s="12"/>
      <c r="C17" s="12"/>
      <c r="D17" s="13">
        <f t="shared" si="0"/>
        <v>0</v>
      </c>
      <c r="E17" s="78"/>
      <c r="F17" s="79"/>
    </row>
    <row r="18" spans="1:8" s="11" customFormat="1" x14ac:dyDescent="0.3">
      <c r="B18" s="12"/>
      <c r="C18" s="12"/>
      <c r="D18" s="13">
        <f t="shared" si="0"/>
        <v>0</v>
      </c>
      <c r="E18" s="78"/>
      <c r="F18" s="79"/>
    </row>
    <row r="19" spans="1:8" s="11" customFormat="1" x14ac:dyDescent="0.3">
      <c r="B19" s="12"/>
      <c r="C19" s="12"/>
      <c r="D19" s="13">
        <f t="shared" si="0"/>
        <v>0</v>
      </c>
      <c r="E19" s="78"/>
      <c r="F19" s="79"/>
    </row>
    <row r="20" spans="1:8" s="11" customFormat="1" x14ac:dyDescent="0.3">
      <c r="B20" s="12"/>
      <c r="C20" s="12"/>
      <c r="D20" s="13">
        <f t="shared" si="0"/>
        <v>0</v>
      </c>
      <c r="E20" s="78"/>
      <c r="F20" s="79"/>
    </row>
    <row r="21" spans="1:8" s="11" customFormat="1" x14ac:dyDescent="0.3">
      <c r="B21" s="12"/>
      <c r="C21" s="12"/>
      <c r="D21" s="13">
        <f t="shared" si="0"/>
        <v>0</v>
      </c>
      <c r="E21" s="78"/>
      <c r="F21" s="79"/>
    </row>
    <row r="22" spans="1:8" s="11" customFormat="1" x14ac:dyDescent="0.3">
      <c r="B22" s="12"/>
      <c r="C22" s="12"/>
      <c r="D22" s="13">
        <f t="shared" si="0"/>
        <v>0</v>
      </c>
      <c r="E22" s="78"/>
      <c r="F22" s="79"/>
    </row>
    <row r="23" spans="1:8" s="11" customFormat="1" x14ac:dyDescent="0.3">
      <c r="B23" s="12"/>
      <c r="C23" s="12"/>
      <c r="D23" s="13">
        <f t="shared" si="0"/>
        <v>0</v>
      </c>
      <c r="E23" s="78"/>
      <c r="F23" s="79"/>
    </row>
    <row r="24" spans="1:8" s="11" customFormat="1" x14ac:dyDescent="0.3">
      <c r="B24" s="12"/>
      <c r="C24" s="12"/>
      <c r="D24" s="13">
        <f t="shared" si="0"/>
        <v>0</v>
      </c>
      <c r="E24" s="78"/>
      <c r="F24" s="79"/>
    </row>
    <row r="25" spans="1:8" s="11" customFormat="1" x14ac:dyDescent="0.3">
      <c r="B25" s="12"/>
      <c r="C25" s="12"/>
      <c r="D25" s="13">
        <f t="shared" si="0"/>
        <v>0</v>
      </c>
      <c r="E25" s="78"/>
      <c r="F25" s="79"/>
    </row>
    <row r="26" spans="1:8" x14ac:dyDescent="0.3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2"/>
      <c r="F26" s="79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24"/>
  <sheetViews>
    <sheetView topLeftCell="A6" workbookViewId="0">
      <selection activeCell="E14" sqref="E14:F1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3</v>
      </c>
      <c r="C4" s="37">
        <f>'Accounting Statement'!C9</f>
        <v>170587</v>
      </c>
      <c r="D4" t="s">
        <v>4</v>
      </c>
      <c r="E4" s="37">
        <f>'Accounting Statement'!D9</f>
        <v>1237010</v>
      </c>
    </row>
    <row r="6" spans="1:7" x14ac:dyDescent="0.3">
      <c r="D6" t="s">
        <v>7</v>
      </c>
      <c r="E6" s="1">
        <f>E4-C4</f>
        <v>1066423</v>
      </c>
    </row>
    <row r="7" spans="1:7" x14ac:dyDescent="0.3">
      <c r="D7" t="s">
        <v>41</v>
      </c>
      <c r="E7" s="6">
        <f>IF(AND(C4=0,E4=0),0,IF(C4=0,1,IF(E4=0,-1,(E4-C4)/C4)))</f>
        <v>6.2514904418273369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x14ac:dyDescent="0.3">
      <c r="B10" s="21" t="s">
        <v>42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3">
      <c r="A13" s="16"/>
      <c r="B13" s="13"/>
      <c r="C13" s="13">
        <v>411500</v>
      </c>
      <c r="D13" s="13">
        <f>C13-B13</f>
        <v>411500</v>
      </c>
      <c r="E13" s="83" t="s">
        <v>64</v>
      </c>
      <c r="F13" s="84"/>
      <c r="G13" s="16"/>
    </row>
    <row r="14" spans="1:7" s="11" customFormat="1" x14ac:dyDescent="0.3">
      <c r="B14" s="12"/>
      <c r="C14" s="12">
        <v>653433</v>
      </c>
      <c r="D14" s="13">
        <f t="shared" ref="D14:D20" si="0">C14-B14</f>
        <v>653433</v>
      </c>
      <c r="E14" s="78" t="s">
        <v>64</v>
      </c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8" s="11" customFormat="1" x14ac:dyDescent="0.3">
      <c r="B17" s="12"/>
      <c r="C17" s="12"/>
      <c r="D17" s="13">
        <f t="shared" si="0"/>
        <v>0</v>
      </c>
      <c r="E17" s="78"/>
      <c r="F17" s="79"/>
    </row>
    <row r="18" spans="1:8" s="11" customFormat="1" x14ac:dyDescent="0.3">
      <c r="B18" s="12"/>
      <c r="C18" s="12"/>
      <c r="D18" s="13">
        <f t="shared" si="0"/>
        <v>0</v>
      </c>
      <c r="E18" s="78"/>
      <c r="F18" s="79"/>
    </row>
    <row r="19" spans="1:8" s="11" customFormat="1" x14ac:dyDescent="0.3">
      <c r="B19" s="12"/>
      <c r="C19" s="12"/>
      <c r="D19" s="13">
        <f t="shared" si="0"/>
        <v>0</v>
      </c>
      <c r="E19" s="78"/>
      <c r="F19" s="79"/>
    </row>
    <row r="20" spans="1:8" s="11" customFormat="1" x14ac:dyDescent="0.3">
      <c r="B20" s="12"/>
      <c r="C20" s="12"/>
      <c r="D20" s="13">
        <f t="shared" si="0"/>
        <v>0</v>
      </c>
      <c r="E20" s="78"/>
      <c r="F20" s="79"/>
    </row>
    <row r="21" spans="1:8" x14ac:dyDescent="0.3">
      <c r="A21" s="9" t="s">
        <v>1</v>
      </c>
      <c r="B21" s="10">
        <f>SUM(B13:B20)</f>
        <v>0</v>
      </c>
      <c r="C21" s="10">
        <f>SUM(C13:C20)</f>
        <v>1064933</v>
      </c>
      <c r="D21" s="10">
        <f>SUM(D13:D20)</f>
        <v>1064933</v>
      </c>
      <c r="E21" s="82"/>
      <c r="F21" s="79"/>
      <c r="G21" s="7"/>
    </row>
    <row r="22" spans="1:8" x14ac:dyDescent="0.3">
      <c r="H22" s="2"/>
    </row>
    <row r="23" spans="1:8" x14ac:dyDescent="0.3">
      <c r="F23" s="7"/>
    </row>
    <row r="24" spans="1:8" x14ac:dyDescent="0.3">
      <c r="A24" s="14" t="s">
        <v>8</v>
      </c>
    </row>
  </sheetData>
  <mergeCells count="10">
    <mergeCell ref="E17:F17"/>
    <mergeCell ref="E18:F18"/>
    <mergeCell ref="E19:F19"/>
    <mergeCell ref="E20:F20"/>
    <mergeCell ref="E21:F21"/>
    <mergeCell ref="E12:F12"/>
    <mergeCell ref="E13:F13"/>
    <mergeCell ref="E14:F14"/>
    <mergeCell ref="E15:F15"/>
    <mergeCell ref="E16:F16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1</v>
      </c>
    </row>
    <row r="3" spans="1:7" x14ac:dyDescent="0.3">
      <c r="B3" s="8"/>
    </row>
    <row r="4" spans="1:7" x14ac:dyDescent="0.3">
      <c r="B4" t="s">
        <v>3</v>
      </c>
      <c r="C4" s="37">
        <f>'Accounting Statement'!C10</f>
        <v>461022</v>
      </c>
      <c r="D4" t="s">
        <v>4</v>
      </c>
      <c r="E4" s="37">
        <f>'Accounting Statement'!D10</f>
        <v>451355</v>
      </c>
    </row>
    <row r="6" spans="1:7" x14ac:dyDescent="0.3">
      <c r="D6" t="s">
        <v>7</v>
      </c>
      <c r="E6" s="1">
        <f>E4-C4</f>
        <v>-9667</v>
      </c>
    </row>
    <row r="7" spans="1:7" x14ac:dyDescent="0.3">
      <c r="D7" t="s">
        <v>41</v>
      </c>
      <c r="E7" s="6">
        <f>IF(AND(C4=0,E4=0),0,IF(C4=0,1,IF(E4=0,-1,(E4-C4)/C4)))</f>
        <v>-2.0968630564268082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3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3">
      <c r="B14" s="12"/>
      <c r="C14" s="12"/>
      <c r="D14" s="13">
        <f t="shared" si="0"/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8" s="11" customFormat="1" x14ac:dyDescent="0.3">
      <c r="B17" s="12"/>
      <c r="C17" s="12"/>
      <c r="D17" s="13">
        <f t="shared" si="0"/>
        <v>0</v>
      </c>
      <c r="E17" s="78"/>
      <c r="F17" s="79"/>
    </row>
    <row r="18" spans="1:8" s="11" customFormat="1" x14ac:dyDescent="0.3">
      <c r="B18" s="12"/>
      <c r="C18" s="12"/>
      <c r="D18" s="13">
        <f t="shared" si="0"/>
        <v>0</v>
      </c>
      <c r="E18" s="78"/>
      <c r="F18" s="79"/>
    </row>
    <row r="19" spans="1:8" s="11" customFormat="1" x14ac:dyDescent="0.3">
      <c r="B19" s="12"/>
      <c r="C19" s="12"/>
      <c r="D19" s="13">
        <f t="shared" si="0"/>
        <v>0</v>
      </c>
      <c r="E19" s="78"/>
      <c r="F19" s="79"/>
    </row>
    <row r="20" spans="1:8" s="11" customFormat="1" x14ac:dyDescent="0.3">
      <c r="B20" s="12"/>
      <c r="C20" s="12"/>
      <c r="D20" s="13">
        <f t="shared" si="0"/>
        <v>0</v>
      </c>
      <c r="E20" s="78"/>
      <c r="F20" s="79"/>
    </row>
    <row r="21" spans="1:8" s="11" customFormat="1" x14ac:dyDescent="0.3">
      <c r="B21" s="12"/>
      <c r="C21" s="12"/>
      <c r="D21" s="13">
        <f t="shared" si="0"/>
        <v>0</v>
      </c>
      <c r="E21" s="78"/>
      <c r="F21" s="79"/>
    </row>
    <row r="22" spans="1:8" s="11" customFormat="1" x14ac:dyDescent="0.3">
      <c r="B22" s="12"/>
      <c r="C22" s="12"/>
      <c r="D22" s="13">
        <f t="shared" si="0"/>
        <v>0</v>
      </c>
      <c r="E22" s="78"/>
      <c r="F22" s="79"/>
    </row>
    <row r="23" spans="1:8" s="11" customFormat="1" x14ac:dyDescent="0.3">
      <c r="B23" s="12"/>
      <c r="C23" s="12"/>
      <c r="D23" s="13">
        <f t="shared" si="0"/>
        <v>0</v>
      </c>
      <c r="E23" s="78"/>
      <c r="F23" s="79"/>
    </row>
    <row r="24" spans="1:8" s="11" customFormat="1" x14ac:dyDescent="0.3">
      <c r="B24" s="12"/>
      <c r="C24" s="12"/>
      <c r="D24" s="13">
        <f t="shared" si="0"/>
        <v>0</v>
      </c>
      <c r="E24" s="78"/>
      <c r="F24" s="79"/>
    </row>
    <row r="25" spans="1:8" s="11" customFormat="1" x14ac:dyDescent="0.3">
      <c r="B25" s="12"/>
      <c r="C25" s="12"/>
      <c r="D25" s="13">
        <f t="shared" si="0"/>
        <v>0</v>
      </c>
      <c r="E25" s="78"/>
      <c r="F25" s="79"/>
    </row>
    <row r="26" spans="1:8" s="11" customFormat="1" x14ac:dyDescent="0.3">
      <c r="B26" s="12"/>
      <c r="C26" s="12"/>
      <c r="D26" s="13">
        <f t="shared" si="0"/>
        <v>0</v>
      </c>
      <c r="E26" s="78"/>
      <c r="F26" s="79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79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3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3">
      <c r="B14" s="12"/>
      <c r="C14" s="12"/>
      <c r="D14" s="13">
        <f t="shared" si="0"/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8" s="11" customFormat="1" x14ac:dyDescent="0.3">
      <c r="B17" s="12"/>
      <c r="C17" s="12"/>
      <c r="D17" s="13">
        <f t="shared" si="0"/>
        <v>0</v>
      </c>
      <c r="E17" s="78"/>
      <c r="F17" s="79"/>
    </row>
    <row r="18" spans="1:8" s="11" customFormat="1" x14ac:dyDescent="0.3">
      <c r="B18" s="12"/>
      <c r="C18" s="12"/>
      <c r="D18" s="13">
        <f t="shared" si="0"/>
        <v>0</v>
      </c>
      <c r="E18" s="78"/>
      <c r="F18" s="79"/>
    </row>
    <row r="19" spans="1:8" s="11" customFormat="1" x14ac:dyDescent="0.3">
      <c r="B19" s="12"/>
      <c r="C19" s="12"/>
      <c r="D19" s="13">
        <f t="shared" si="0"/>
        <v>0</v>
      </c>
      <c r="E19" s="78"/>
      <c r="F19" s="79"/>
    </row>
    <row r="20" spans="1:8" s="11" customFormat="1" x14ac:dyDescent="0.3">
      <c r="B20" s="12"/>
      <c r="C20" s="12"/>
      <c r="D20" s="13">
        <f t="shared" si="0"/>
        <v>0</v>
      </c>
      <c r="E20" s="78"/>
      <c r="F20" s="79"/>
    </row>
    <row r="21" spans="1:8" s="11" customFormat="1" x14ac:dyDescent="0.3">
      <c r="B21" s="12"/>
      <c r="C21" s="12"/>
      <c r="D21" s="13">
        <f t="shared" si="0"/>
        <v>0</v>
      </c>
      <c r="E21" s="78"/>
      <c r="F21" s="79"/>
    </row>
    <row r="22" spans="1:8" s="11" customFormat="1" x14ac:dyDescent="0.3">
      <c r="B22" s="12"/>
      <c r="C22" s="12"/>
      <c r="D22" s="13">
        <f t="shared" si="0"/>
        <v>0</v>
      </c>
      <c r="E22" s="78"/>
      <c r="F22" s="79"/>
    </row>
    <row r="23" spans="1:8" s="11" customFormat="1" x14ac:dyDescent="0.3">
      <c r="B23" s="12"/>
      <c r="C23" s="12"/>
      <c r="D23" s="13">
        <f t="shared" si="0"/>
        <v>0</v>
      </c>
      <c r="E23" s="78"/>
      <c r="F23" s="79"/>
    </row>
    <row r="24" spans="1:8" s="11" customFormat="1" x14ac:dyDescent="0.3">
      <c r="B24" s="12"/>
      <c r="C24" s="12"/>
      <c r="D24" s="13">
        <f t="shared" si="0"/>
        <v>0</v>
      </c>
      <c r="E24" s="78"/>
      <c r="F24" s="79"/>
    </row>
    <row r="25" spans="1:8" s="11" customFormat="1" x14ac:dyDescent="0.3">
      <c r="B25" s="12"/>
      <c r="C25" s="12"/>
      <c r="D25" s="13">
        <f t="shared" si="0"/>
        <v>0</v>
      </c>
      <c r="E25" s="78"/>
      <c r="F25" s="79"/>
    </row>
    <row r="26" spans="1:8" s="11" customFormat="1" x14ac:dyDescent="0.3">
      <c r="B26" s="12"/>
      <c r="C26" s="12"/>
      <c r="D26" s="13">
        <f t="shared" si="0"/>
        <v>0</v>
      </c>
      <c r="E26" s="78"/>
      <c r="F26" s="79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79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topLeftCell="A11" workbookViewId="0">
      <selection activeCell="G24" sqref="G24:G2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66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3</v>
      </c>
    </row>
    <row r="3" spans="1:7" x14ac:dyDescent="0.3">
      <c r="B3" s="8"/>
    </row>
    <row r="4" spans="1:7" x14ac:dyDescent="0.3">
      <c r="B4" t="s">
        <v>3</v>
      </c>
      <c r="C4" s="37">
        <f>'Accounting Statement'!C12</f>
        <v>337850</v>
      </c>
      <c r="D4" t="s">
        <v>4</v>
      </c>
      <c r="E4" s="37">
        <f>'Accounting Statement'!D12</f>
        <v>1544116</v>
      </c>
    </row>
    <row r="6" spans="1:7" x14ac:dyDescent="0.3">
      <c r="D6" t="s">
        <v>7</v>
      </c>
      <c r="E6" s="1">
        <f>E4-C4</f>
        <v>1206266</v>
      </c>
    </row>
    <row r="7" spans="1:7" x14ac:dyDescent="0.3">
      <c r="D7" t="s">
        <v>41</v>
      </c>
      <c r="E7" s="6">
        <f>IF(AND(C4=0,E4=0),0,IF(C4=0,1,IF(E4=0,-1,(E4-C4)/C4)))</f>
        <v>3.570418824922303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43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3">
      <c r="A13" s="16"/>
      <c r="B13" s="13">
        <v>1535.36</v>
      </c>
      <c r="C13" s="13">
        <v>14778.96</v>
      </c>
      <c r="D13" s="13">
        <f>C13-B13</f>
        <v>13243.599999999999</v>
      </c>
      <c r="E13" s="83" t="s">
        <v>65</v>
      </c>
      <c r="F13" s="84"/>
      <c r="G13" s="16"/>
    </row>
    <row r="14" spans="1:7" s="11" customFormat="1" x14ac:dyDescent="0.3">
      <c r="B14" s="12">
        <v>3302.24</v>
      </c>
      <c r="C14" s="12">
        <v>32029</v>
      </c>
      <c r="D14" s="13">
        <f t="shared" ref="D14:D27" si="0">C14-B14</f>
        <v>28726.760000000002</v>
      </c>
      <c r="E14" s="78" t="s">
        <v>66</v>
      </c>
      <c r="F14" s="79"/>
    </row>
    <row r="15" spans="1:7" s="11" customFormat="1" x14ac:dyDescent="0.3">
      <c r="B15" s="12">
        <v>2491.5</v>
      </c>
      <c r="C15" s="12">
        <v>10088.84</v>
      </c>
      <c r="D15" s="13">
        <f t="shared" si="0"/>
        <v>7597.34</v>
      </c>
      <c r="E15" s="78" t="s">
        <v>67</v>
      </c>
      <c r="F15" s="79"/>
    </row>
    <row r="16" spans="1:7" s="11" customFormat="1" x14ac:dyDescent="0.3">
      <c r="B16" s="12"/>
      <c r="C16" s="12">
        <v>426112.05</v>
      </c>
      <c r="D16" s="13">
        <f t="shared" si="0"/>
        <v>426112.05</v>
      </c>
      <c r="E16" s="78" t="s">
        <v>68</v>
      </c>
      <c r="F16" s="79"/>
    </row>
    <row r="17" spans="1:8" s="11" customFormat="1" x14ac:dyDescent="0.3">
      <c r="B17" s="12"/>
      <c r="C17" s="12">
        <v>659330.44999999995</v>
      </c>
      <c r="D17" s="13">
        <f t="shared" si="0"/>
        <v>659330.44999999995</v>
      </c>
      <c r="E17" s="78" t="s">
        <v>68</v>
      </c>
      <c r="F17" s="79"/>
    </row>
    <row r="18" spans="1:8" s="11" customFormat="1" x14ac:dyDescent="0.3">
      <c r="B18" s="12">
        <v>3793.64</v>
      </c>
      <c r="C18" s="12">
        <v>9902.0499999999993</v>
      </c>
      <c r="D18" s="13">
        <f t="shared" si="0"/>
        <v>6108.41</v>
      </c>
      <c r="E18" s="78" t="s">
        <v>69</v>
      </c>
      <c r="F18" s="79"/>
    </row>
    <row r="19" spans="1:8" s="11" customFormat="1" x14ac:dyDescent="0.3">
      <c r="B19" s="12">
        <v>665.96</v>
      </c>
      <c r="C19" s="12">
        <v>4412.9799999999996</v>
      </c>
      <c r="D19" s="13">
        <f t="shared" si="0"/>
        <v>3747.0199999999995</v>
      </c>
      <c r="E19" s="78" t="s">
        <v>70</v>
      </c>
      <c r="F19" s="79"/>
    </row>
    <row r="20" spans="1:8" s="11" customFormat="1" x14ac:dyDescent="0.3">
      <c r="B20" s="12"/>
      <c r="C20" s="12">
        <v>4097.24</v>
      </c>
      <c r="D20" s="13">
        <f t="shared" si="0"/>
        <v>4097.24</v>
      </c>
      <c r="E20" s="78" t="s">
        <v>71</v>
      </c>
      <c r="F20" s="79"/>
    </row>
    <row r="21" spans="1:8" s="11" customFormat="1" x14ac:dyDescent="0.3">
      <c r="B21" s="12">
        <v>72.3</v>
      </c>
      <c r="C21" s="12">
        <v>2988.42</v>
      </c>
      <c r="D21" s="13">
        <f t="shared" si="0"/>
        <v>2916.12</v>
      </c>
      <c r="E21" s="78" t="s">
        <v>72</v>
      </c>
      <c r="F21" s="79"/>
    </row>
    <row r="22" spans="1:8" s="11" customFormat="1" x14ac:dyDescent="0.3">
      <c r="B22" s="12">
        <v>44439.41</v>
      </c>
      <c r="C22" s="12">
        <v>81680.7</v>
      </c>
      <c r="D22" s="13">
        <f t="shared" si="0"/>
        <v>37241.289999999994</v>
      </c>
      <c r="E22" s="78" t="s">
        <v>73</v>
      </c>
      <c r="F22" s="79"/>
    </row>
    <row r="23" spans="1:8" s="11" customFormat="1" x14ac:dyDescent="0.3">
      <c r="B23" s="12">
        <v>1444.46</v>
      </c>
      <c r="C23" s="12">
        <v>19695.68</v>
      </c>
      <c r="D23" s="13">
        <f t="shared" si="0"/>
        <v>18251.22</v>
      </c>
      <c r="E23" s="78" t="s">
        <v>74</v>
      </c>
      <c r="F23" s="79"/>
    </row>
    <row r="24" spans="1:8" s="11" customFormat="1" x14ac:dyDescent="0.3">
      <c r="B24" s="12">
        <v>4965</v>
      </c>
      <c r="C24" s="12"/>
      <c r="D24" s="13">
        <f t="shared" si="0"/>
        <v>-4965</v>
      </c>
      <c r="E24" s="78" t="s">
        <v>75</v>
      </c>
      <c r="F24" s="79"/>
    </row>
    <row r="25" spans="1:8" s="11" customFormat="1" x14ac:dyDescent="0.3">
      <c r="B25" s="12">
        <v>1417.39</v>
      </c>
      <c r="C25" s="12">
        <v>5278</v>
      </c>
      <c r="D25" s="13">
        <f t="shared" si="0"/>
        <v>3860.6099999999997</v>
      </c>
      <c r="E25" s="78" t="s">
        <v>76</v>
      </c>
      <c r="F25" s="79"/>
    </row>
    <row r="26" spans="1:8" s="11" customFormat="1" x14ac:dyDescent="0.3">
      <c r="B26" s="12"/>
      <c r="C26" s="12"/>
      <c r="D26" s="13">
        <f t="shared" si="0"/>
        <v>0</v>
      </c>
      <c r="E26" s="78"/>
      <c r="F26" s="79"/>
    </row>
    <row r="27" spans="1:8" s="11" customFormat="1" x14ac:dyDescent="0.3">
      <c r="B27" s="12"/>
      <c r="C27" s="12"/>
      <c r="D27" s="13">
        <f t="shared" si="0"/>
        <v>0</v>
      </c>
      <c r="E27" s="78"/>
      <c r="F27" s="79"/>
    </row>
    <row r="28" spans="1:8" x14ac:dyDescent="0.3">
      <c r="A28" s="9" t="s">
        <v>1</v>
      </c>
      <c r="B28" s="10">
        <f>SUM(B13:B27)</f>
        <v>64127.26</v>
      </c>
      <c r="C28" s="10">
        <f>SUM(C13:C27)</f>
        <v>1270394.3699999996</v>
      </c>
      <c r="D28" s="10">
        <f>SUM(D13:D27)</f>
        <v>1206267.1100000001</v>
      </c>
      <c r="E28" s="82"/>
      <c r="F28" s="79"/>
      <c r="G28" s="7"/>
    </row>
    <row r="29" spans="1:8" x14ac:dyDescent="0.3">
      <c r="D29" s="85"/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09375" defaultRowHeight="14.4" x14ac:dyDescent="0.3"/>
  <cols>
    <col min="1" max="1" width="6.88671875" style="61" bestFit="1" customWidth="1"/>
    <col min="2" max="2" width="11.33203125" style="61" customWidth="1"/>
    <col min="3" max="3" width="10.6640625" style="61" customWidth="1"/>
    <col min="4" max="4" width="10.44140625" style="61" bestFit="1" customWidth="1"/>
    <col min="5" max="5" width="9.88671875" style="61" customWidth="1"/>
    <col min="6" max="6" width="12.5546875" style="61" customWidth="1"/>
    <col min="7" max="16384" width="9.10937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1442321</v>
      </c>
      <c r="D4" s="61" t="s">
        <v>50</v>
      </c>
      <c r="E4" s="67">
        <f>'Accounting Statement'!D8</f>
        <v>803241</v>
      </c>
    </row>
    <row r="6" spans="2:7" x14ac:dyDescent="0.3">
      <c r="D6" s="68" t="s">
        <v>51</v>
      </c>
      <c r="E6" s="61" t="str">
        <f>IF(C4&gt;(2*E4),"Yes - Please explain below","No")</f>
        <v>No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3" t="s">
        <v>54</v>
      </c>
      <c r="E10" s="63"/>
    </row>
    <row r="11" spans="2:7" x14ac:dyDescent="0.3">
      <c r="C11" s="63" t="s">
        <v>55</v>
      </c>
      <c r="E11" s="63"/>
    </row>
    <row r="12" spans="2:7" x14ac:dyDescent="0.3">
      <c r="C12" s="63" t="s">
        <v>56</v>
      </c>
      <c r="E12" s="63"/>
    </row>
    <row r="13" spans="2:7" x14ac:dyDescent="0.3">
      <c r="C13" s="63" t="s">
        <v>57</v>
      </c>
      <c r="E13" s="63"/>
    </row>
    <row r="14" spans="2:7" x14ac:dyDescent="0.3">
      <c r="C14" s="63" t="s">
        <v>58</v>
      </c>
      <c r="E14" s="63"/>
    </row>
    <row r="15" spans="2:7" x14ac:dyDescent="0.3">
      <c r="C15" s="63" t="s">
        <v>59</v>
      </c>
      <c r="E15" s="63"/>
    </row>
    <row r="16" spans="2:7" x14ac:dyDescent="0.3">
      <c r="C16" s="63" t="s">
        <v>60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61</v>
      </c>
      <c r="E19" s="63"/>
    </row>
    <row r="20" spans="2:7" x14ac:dyDescent="0.3">
      <c r="F20" s="64">
        <f>E19</f>
        <v>0</v>
      </c>
    </row>
    <row r="21" spans="2:7" ht="15" thickBot="1" x14ac:dyDescent="0.35">
      <c r="B21" s="62" t="s">
        <v>62</v>
      </c>
      <c r="G21" s="65">
        <f>F17+F20</f>
        <v>0</v>
      </c>
    </row>
    <row r="22" spans="2:7" ht="1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3</v>
      </c>
      <c r="C4" s="37">
        <f>'Accounting Statement'!C16</f>
        <v>5707535</v>
      </c>
      <c r="D4" t="s">
        <v>4</v>
      </c>
      <c r="E4" s="37">
        <f>'Accounting Statement'!D16</f>
        <v>5748440</v>
      </c>
    </row>
    <row r="6" spans="1:7" x14ac:dyDescent="0.3">
      <c r="D6" t="s">
        <v>7</v>
      </c>
      <c r="E6" s="1">
        <f>E4-C4</f>
        <v>40905</v>
      </c>
    </row>
    <row r="7" spans="1:7" x14ac:dyDescent="0.3">
      <c r="D7" t="s">
        <v>41</v>
      </c>
      <c r="E7" s="6">
        <f>IF(AND(C4=0,E4=0),0,IF(C4=0,1,IF(E4=0,-1,(E4-C4)/C4)))</f>
        <v>7.1668417276459975E-3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9" t="s">
        <v>15</v>
      </c>
    </row>
    <row r="11" spans="1:7" ht="15" x14ac:dyDescent="0.35">
      <c r="B11" s="1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3">
      <c r="A13" s="16"/>
      <c r="B13" s="13"/>
      <c r="C13" s="13"/>
      <c r="D13" s="13">
        <f>C13-B13</f>
        <v>0</v>
      </c>
      <c r="E13" s="83"/>
      <c r="F13" s="84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12" s="11" customFormat="1" x14ac:dyDescent="0.3">
      <c r="B17" s="12"/>
      <c r="C17" s="12"/>
      <c r="D17" s="13">
        <f t="shared" si="0"/>
        <v>0</v>
      </c>
      <c r="E17" s="78"/>
      <c r="F17" s="79"/>
    </row>
    <row r="18" spans="1:12" s="11" customFormat="1" x14ac:dyDescent="0.3">
      <c r="B18" s="12"/>
      <c r="C18" s="12"/>
      <c r="D18" s="13">
        <f t="shared" si="0"/>
        <v>0</v>
      </c>
      <c r="E18" s="78"/>
      <c r="F18" s="79"/>
      <c r="L18" s="20"/>
    </row>
    <row r="19" spans="1:12" s="11" customFormat="1" x14ac:dyDescent="0.3">
      <c r="B19" s="12"/>
      <c r="C19" s="12"/>
      <c r="D19" s="13">
        <f t="shared" si="0"/>
        <v>0</v>
      </c>
      <c r="E19" s="78"/>
      <c r="F19" s="79"/>
    </row>
    <row r="20" spans="1:12" s="11" customFormat="1" x14ac:dyDescent="0.3">
      <c r="B20" s="12"/>
      <c r="C20" s="12"/>
      <c r="D20" s="13">
        <f t="shared" si="0"/>
        <v>0</v>
      </c>
      <c r="E20" s="78"/>
      <c r="F20" s="79"/>
    </row>
    <row r="21" spans="1:12" s="11" customFormat="1" x14ac:dyDescent="0.3">
      <c r="B21" s="12"/>
      <c r="C21" s="12"/>
      <c r="D21" s="13">
        <f t="shared" si="0"/>
        <v>0</v>
      </c>
      <c r="E21" s="78"/>
      <c r="F21" s="79"/>
    </row>
    <row r="22" spans="1:12" s="11" customFormat="1" x14ac:dyDescent="0.3">
      <c r="B22" s="12"/>
      <c r="C22" s="12"/>
      <c r="D22" s="13">
        <f t="shared" si="0"/>
        <v>0</v>
      </c>
      <c r="E22" s="78"/>
      <c r="F22" s="79"/>
    </row>
    <row r="23" spans="1:12" s="11" customFormat="1" x14ac:dyDescent="0.3">
      <c r="B23" s="12"/>
      <c r="C23" s="12"/>
      <c r="D23" s="13">
        <f t="shared" si="0"/>
        <v>0</v>
      </c>
      <c r="E23" s="78"/>
      <c r="F23" s="79"/>
    </row>
    <row r="24" spans="1:12" s="11" customFormat="1" x14ac:dyDescent="0.3">
      <c r="B24" s="12"/>
      <c r="C24" s="12"/>
      <c r="D24" s="13">
        <f t="shared" si="0"/>
        <v>0</v>
      </c>
      <c r="E24" s="78"/>
      <c r="F24" s="79"/>
    </row>
    <row r="25" spans="1:12" s="11" customFormat="1" x14ac:dyDescent="0.3">
      <c r="B25" s="12"/>
      <c r="C25" s="12"/>
      <c r="D25" s="13">
        <f t="shared" si="0"/>
        <v>0</v>
      </c>
      <c r="E25" s="78"/>
      <c r="F25" s="79"/>
    </row>
    <row r="26" spans="1:12" s="11" customFormat="1" x14ac:dyDescent="0.3">
      <c r="B26" s="12"/>
      <c r="C26" s="12"/>
      <c r="D26" s="13">
        <f t="shared" si="0"/>
        <v>0</v>
      </c>
      <c r="E26" s="78"/>
      <c r="F26" s="79"/>
    </row>
    <row r="27" spans="1:12" s="11" customFormat="1" x14ac:dyDescent="0.3">
      <c r="B27" s="12"/>
      <c r="C27" s="12"/>
      <c r="D27" s="13">
        <f t="shared" si="0"/>
        <v>0</v>
      </c>
      <c r="E27" s="78"/>
      <c r="F27" s="79"/>
    </row>
    <row r="28" spans="1:12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79"/>
      <c r="G28" s="7"/>
    </row>
    <row r="29" spans="1:12" x14ac:dyDescent="0.3">
      <c r="H29" s="2"/>
    </row>
    <row r="30" spans="1:12" x14ac:dyDescent="0.3">
      <c r="F30" s="7"/>
    </row>
    <row r="31" spans="1:12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6</v>
      </c>
    </row>
    <row r="3" spans="1:7" x14ac:dyDescent="0.3">
      <c r="B3" s="8"/>
    </row>
    <row r="4" spans="1:7" x14ac:dyDescent="0.3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3">
      <c r="D6" t="s">
        <v>7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3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3">
      <c r="B14" s="12"/>
      <c r="C14" s="12"/>
      <c r="D14" s="13">
        <f t="shared" si="0"/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12" s="11" customFormat="1" x14ac:dyDescent="0.3">
      <c r="B17" s="12"/>
      <c r="C17" s="12"/>
      <c r="D17" s="13">
        <f t="shared" si="0"/>
        <v>0</v>
      </c>
      <c r="E17" s="78"/>
      <c r="F17" s="79"/>
      <c r="L17" s="20"/>
    </row>
    <row r="18" spans="1:12" s="11" customFormat="1" x14ac:dyDescent="0.3">
      <c r="B18" s="12"/>
      <c r="C18" s="12"/>
      <c r="D18" s="13">
        <f t="shared" si="0"/>
        <v>0</v>
      </c>
      <c r="E18" s="78"/>
      <c r="F18" s="79"/>
    </row>
    <row r="19" spans="1:12" s="11" customFormat="1" x14ac:dyDescent="0.3">
      <c r="B19" s="12"/>
      <c r="C19" s="12"/>
      <c r="D19" s="13">
        <f t="shared" si="0"/>
        <v>0</v>
      </c>
      <c r="E19" s="78"/>
      <c r="F19" s="79"/>
    </row>
    <row r="20" spans="1:12" s="11" customFormat="1" x14ac:dyDescent="0.3">
      <c r="B20" s="12"/>
      <c r="C20" s="12"/>
      <c r="D20" s="13">
        <f t="shared" si="0"/>
        <v>0</v>
      </c>
      <c r="E20" s="78"/>
      <c r="F20" s="79"/>
    </row>
    <row r="21" spans="1:12" s="11" customFormat="1" x14ac:dyDescent="0.3">
      <c r="B21" s="12"/>
      <c r="C21" s="12"/>
      <c r="D21" s="13">
        <f t="shared" si="0"/>
        <v>0</v>
      </c>
      <c r="E21" s="78"/>
      <c r="F21" s="79"/>
    </row>
    <row r="22" spans="1:12" s="11" customFormat="1" x14ac:dyDescent="0.3">
      <c r="B22" s="12"/>
      <c r="C22" s="12"/>
      <c r="D22" s="13">
        <f t="shared" si="0"/>
        <v>0</v>
      </c>
      <c r="E22" s="78"/>
      <c r="F22" s="79"/>
    </row>
    <row r="23" spans="1:12" s="11" customFormat="1" x14ac:dyDescent="0.3">
      <c r="B23" s="12"/>
      <c r="C23" s="12"/>
      <c r="D23" s="13">
        <f t="shared" si="0"/>
        <v>0</v>
      </c>
      <c r="E23" s="78"/>
      <c r="F23" s="79"/>
    </row>
    <row r="24" spans="1:12" s="11" customFormat="1" x14ac:dyDescent="0.3">
      <c r="B24" s="12"/>
      <c r="C24" s="12"/>
      <c r="D24" s="13">
        <f t="shared" si="0"/>
        <v>0</v>
      </c>
      <c r="E24" s="78"/>
      <c r="F24" s="79"/>
    </row>
    <row r="25" spans="1:12" s="11" customFormat="1" x14ac:dyDescent="0.3">
      <c r="B25" s="12"/>
      <c r="C25" s="12"/>
      <c r="D25" s="13">
        <f t="shared" si="0"/>
        <v>0</v>
      </c>
      <c r="E25" s="78"/>
      <c r="F25" s="79"/>
    </row>
    <row r="26" spans="1:12" s="11" customFormat="1" x14ac:dyDescent="0.3">
      <c r="B26" s="12"/>
      <c r="C26" s="12"/>
      <c r="D26" s="13">
        <f t="shared" si="0"/>
        <v>0</v>
      </c>
      <c r="E26" s="78"/>
      <c r="F26" s="79"/>
    </row>
    <row r="27" spans="1:12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79"/>
      <c r="G27" s="7"/>
    </row>
    <row r="28" spans="1:12" x14ac:dyDescent="0.3">
      <c r="H28" s="2"/>
    </row>
    <row r="29" spans="1:12" x14ac:dyDescent="0.3">
      <c r="F29" s="7"/>
    </row>
    <row r="30" spans="1:12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9FDB958A5DB084282B563B714FD35EA" ma:contentTypeVersion="4" ma:contentTypeDescription="Create a new document." ma:contentTypeScope="" ma:versionID="0ea9e58a444c61f74a91c033f729dc02">
  <xsd:schema xmlns:xsd="http://www.w3.org/2001/XMLSchema" xmlns:xs="http://www.w3.org/2001/XMLSchema" xmlns:p="http://schemas.microsoft.com/office/2006/metadata/properties" xmlns:ns2="5be8ff5e-200a-4bbe-8cac-f6a338862249" xmlns:ns3="5c506740-7bf1-4265-8941-b4189819d510" targetNamespace="http://schemas.microsoft.com/office/2006/metadata/properties" ma:root="true" ma:fieldsID="e369d71b248a42373781a5e43a662fce" ns2:_="" ns3:_="">
    <xsd:import namespace="5be8ff5e-200a-4bbe-8cac-f6a338862249"/>
    <xsd:import namespace="5c506740-7bf1-4265-8941-b4189819d51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be8ff5e-200a-4bbe-8cac-f6a33886224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c506740-7bf1-4265-8941-b4189819d510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412CCC6C-289A-4935-87B8-86321A5E3427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B178CF6-FA0A-40BB-92AE-9837D5D47B0A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460E185F-155A-4A0D-81DB-4F839B431F71}">
  <ds:schemaRefs/>
</ds:datastoreItem>
</file>

<file path=customXml/itemProps4.xml><?xml version="1.0" encoding="utf-8"?>
<ds:datastoreItem xmlns:ds="http://schemas.openxmlformats.org/officeDocument/2006/customXml" ds:itemID="{3F1AD0D3-C2B2-41A7-8D84-5B653192951F}">
  <ds:schemaRefs/>
</ds:datastoreItem>
</file>

<file path=customXml/itemProps5.xml><?xml version="1.0" encoding="utf-8"?>
<ds:datastoreItem xmlns:ds="http://schemas.openxmlformats.org/officeDocument/2006/customXml" ds:itemID="{D0BCC53C-6D19-4C51-9071-B55B7707B7F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be8ff5e-200a-4bbe-8cac-f6a338862249"/>
    <ds:schemaRef ds:uri="5c506740-7bf1-4265-8941-b4189819d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Finance</cp:lastModifiedBy>
  <cp:lastPrinted>2023-03-20T07:35:33Z</cp:lastPrinted>
  <dcterms:created xsi:type="dcterms:W3CDTF">2023-03-10T09:35:56Z</dcterms:created>
  <dcterms:modified xsi:type="dcterms:W3CDTF">2023-06-14T14:23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59FDB958A5DB084282B563B714FD35EA</vt:lpwstr>
  </property>
</Properties>
</file>